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12023\Box\下水道事業課\R8年度\02_管理運営担当\02_26_下水汚泥燃焼灰肥料\02_26_100_燃焼灰肥料　HP管理\"/>
    </mc:Choice>
  </mc:AlternateContent>
  <xr:revisionPtr revIDLastSave="0" documentId="8_{2F52787F-B0E1-4AB9-A39C-72C16605E48D}" xr6:coauthVersionLast="47" xr6:coauthVersionMax="47" xr10:uidLastSave="{00000000-0000-0000-0000-000000000000}"/>
  <bookViews>
    <workbookView xWindow="-110" yWindow="-110" windowWidth="19420" windowHeight="10300" xr2:uid="{FAC062F3-AA38-47D1-8B0D-95B2DC75C742}"/>
  </bookViews>
  <sheets>
    <sheet name="荒川クマムシくん1号 (有害成分)" sheetId="1" r:id="rId1"/>
  </sheets>
  <definedNames>
    <definedName name="_xlnm._FilterDatabase" localSheetId="0" hidden="1">'荒川クマムシくん1号 (有害成分)'!$B$4:$I$14</definedName>
    <definedName name="_xlnm.Print_Area" localSheetId="0">'荒川クマムシくん1号 (有害成分)'!$A$1:$I$1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15" uniqueCount="15">
  <si>
    <t>＊1.１日２回、５日間以上連続サンプリングを実施。＊2.有害成分は乾燥重量の測定結果。基準値を超過したものは出荷いたしません。</t>
    <rPh sb="4" eb="5">
      <t>ヒ</t>
    </rPh>
    <rPh sb="6" eb="7">
      <t>カイ</t>
    </rPh>
    <rPh sb="9" eb="10">
      <t>ヒ</t>
    </rPh>
    <rPh sb="10" eb="11">
      <t>カン</t>
    </rPh>
    <rPh sb="11" eb="13">
      <t>イジョウ</t>
    </rPh>
    <rPh sb="13" eb="15">
      <t>レンゾク</t>
    </rPh>
    <rPh sb="22" eb="24">
      <t>ジッシ</t>
    </rPh>
    <rPh sb="28" eb="32">
      <t>ユウガイセイブン</t>
    </rPh>
    <rPh sb="33" eb="35">
      <t>カンソウ</t>
    </rPh>
    <rPh sb="35" eb="37">
      <t>ジュウリョウ</t>
    </rPh>
    <rPh sb="38" eb="40">
      <t>ソクテイ</t>
    </rPh>
    <rPh sb="40" eb="42">
      <t>ケッカ</t>
    </rPh>
    <rPh sb="43" eb="46">
      <t>キジュンチ</t>
    </rPh>
    <rPh sb="47" eb="49">
      <t>チョウカ</t>
    </rPh>
    <rPh sb="54" eb="56">
      <t>シュッカ</t>
    </rPh>
    <phoneticPr fontId="2"/>
  </si>
  <si>
    <t>基　　準　　値</t>
    <rPh sb="0" eb="1">
      <t>モト</t>
    </rPh>
    <rPh sb="3" eb="4">
      <t>ジュン</t>
    </rPh>
    <rPh sb="6" eb="7">
      <t>アタイ</t>
    </rPh>
    <phoneticPr fontId="2"/>
  </si>
  <si>
    <t>鉛</t>
    <rPh sb="0" eb="1">
      <t>ナマリ</t>
    </rPh>
    <phoneticPr fontId="2"/>
  </si>
  <si>
    <t>クロム</t>
    <phoneticPr fontId="2"/>
  </si>
  <si>
    <t>ニッケル</t>
    <phoneticPr fontId="2"/>
  </si>
  <si>
    <t>水銀</t>
    <rPh sb="0" eb="2">
      <t>スイギン</t>
    </rPh>
    <phoneticPr fontId="2"/>
  </si>
  <si>
    <t>カドミウム</t>
    <phoneticPr fontId="2"/>
  </si>
  <si>
    <t>ひ素</t>
    <rPh sb="1" eb="2">
      <t>ソ</t>
    </rPh>
    <phoneticPr fontId="2"/>
  </si>
  <si>
    <t>終了日</t>
    <rPh sb="0" eb="3">
      <t>シュウリョウビ</t>
    </rPh>
    <phoneticPr fontId="2"/>
  </si>
  <si>
    <t>開始日</t>
    <rPh sb="0" eb="3">
      <t>カイシビ</t>
    </rPh>
    <phoneticPr fontId="2"/>
  </si>
  <si>
    <r>
      <t>有害成分（mg/kg）</t>
    </r>
    <r>
      <rPr>
        <vertAlign val="superscript"/>
        <sz val="12"/>
        <color theme="1"/>
        <rFont val="ＭＳ Ｐゴシック"/>
        <family val="3"/>
        <charset val="128"/>
      </rPr>
      <t>＊2</t>
    </r>
    <rPh sb="0" eb="2">
      <t>ユウガイ</t>
    </rPh>
    <rPh sb="2" eb="4">
      <t>セイブン</t>
    </rPh>
    <phoneticPr fontId="2"/>
  </si>
  <si>
    <r>
      <t>試料採取日</t>
    </r>
    <r>
      <rPr>
        <vertAlign val="superscript"/>
        <sz val="12"/>
        <color theme="1"/>
        <rFont val="ＭＳ Ｐゴシック"/>
        <family val="3"/>
        <charset val="128"/>
      </rPr>
      <t>＊1</t>
    </r>
    <rPh sb="0" eb="2">
      <t>シリョウ</t>
    </rPh>
    <rPh sb="2" eb="4">
      <t>サイシュ</t>
    </rPh>
    <rPh sb="4" eb="5">
      <t>ビ</t>
    </rPh>
    <phoneticPr fontId="2"/>
  </si>
  <si>
    <t>試料名</t>
    <rPh sb="0" eb="3">
      <t>シリョウメイ</t>
    </rPh>
    <phoneticPr fontId="2"/>
  </si>
  <si>
    <t>埼玉県下水道局下水道事業課</t>
    <rPh sb="0" eb="3">
      <t>サイタマケン</t>
    </rPh>
    <rPh sb="3" eb="7">
      <t>ゲスイドウキョク</t>
    </rPh>
    <rPh sb="7" eb="13">
      <t>ゲスイドウジギョウカ</t>
    </rPh>
    <phoneticPr fontId="2"/>
  </si>
  <si>
    <t>荒川クマムシくん1号　有害成分　分析結果（令和７年度分）</t>
    <rPh sb="11" eb="13">
      <t>ユウガイ</t>
    </rPh>
    <rPh sb="13" eb="15">
      <t>セイブン</t>
    </rPh>
    <rPh sb="16" eb="18">
      <t>ブンセキ</t>
    </rPh>
    <rPh sb="18" eb="20">
      <t>ケッカ</t>
    </rPh>
    <rPh sb="21" eb="23">
      <t>レイワ</t>
    </rPh>
    <rPh sb="24" eb="26">
      <t>ネンド</t>
    </rPh>
    <rPh sb="26" eb="27">
      <t>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0&quot;号&quot;&quot;炉&quot;"/>
  </numFmts>
  <fonts count="6" x14ac:knownFonts="1">
    <font>
      <sz val="11"/>
      <color theme="1"/>
      <name val="ＭＳ Ｐゴシック"/>
      <family val="2"/>
      <charset val="128"/>
    </font>
    <font>
      <sz val="12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2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vertAlign val="superscript"/>
      <sz val="1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23">
    <xf numFmtId="0" fontId="0" fillId="0" borderId="0" xfId="0">
      <alignment vertical="center"/>
    </xf>
    <xf numFmtId="0" fontId="1" fillId="0" borderId="0" xfId="0" applyFont="1">
      <alignment vertical="center"/>
    </xf>
    <xf numFmtId="176" fontId="3" fillId="0" borderId="0" xfId="0" applyNumberFormat="1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 applyAlignment="1">
      <alignment horizontal="left" vertical="center"/>
    </xf>
    <xf numFmtId="0" fontId="3" fillId="0" borderId="1" xfId="0" applyFont="1" applyBorder="1" applyAlignment="1">
      <alignment horizontal="right" vertical="center"/>
    </xf>
    <xf numFmtId="0" fontId="3" fillId="0" borderId="2" xfId="0" applyFont="1" applyBorder="1" applyAlignment="1">
      <alignment horizontal="centerContinuous" vertical="center" wrapText="1"/>
    </xf>
    <xf numFmtId="0" fontId="3" fillId="0" borderId="3" xfId="0" applyFont="1" applyBorder="1" applyAlignment="1">
      <alignment horizontal="centerContinuous" vertical="center" wrapText="1"/>
    </xf>
    <xf numFmtId="0" fontId="3" fillId="0" borderId="4" xfId="0" applyFont="1" applyBorder="1">
      <alignment vertical="center"/>
    </xf>
    <xf numFmtId="176" fontId="3" fillId="0" borderId="5" xfId="0" applyNumberFormat="1" applyFont="1" applyBorder="1" applyAlignment="1">
      <alignment horizontal="left" vertical="center" indent="1" shrinkToFit="1"/>
    </xf>
    <xf numFmtId="177" fontId="3" fillId="0" borderId="4" xfId="0" applyNumberFormat="1" applyFont="1" applyBorder="1" applyAlignment="1">
      <alignment horizontal="center" vertical="center"/>
    </xf>
    <xf numFmtId="0" fontId="3" fillId="0" borderId="6" xfId="0" applyFont="1" applyBorder="1">
      <alignment vertical="center"/>
    </xf>
    <xf numFmtId="176" fontId="3" fillId="0" borderId="7" xfId="0" applyNumberFormat="1" applyFont="1" applyBorder="1" applyAlignment="1">
      <alignment horizontal="left" vertical="center" indent="1" shrinkToFit="1"/>
    </xf>
    <xf numFmtId="177" fontId="3" fillId="0" borderId="6" xfId="0" applyNumberFormat="1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shrinkToFit="1"/>
    </xf>
    <xf numFmtId="0" fontId="3" fillId="0" borderId="8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1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6A156D-0CEF-4612-A77B-D1983CFEDF74}">
  <dimension ref="A1:I15"/>
  <sheetViews>
    <sheetView tabSelected="1" view="pageBreakPreview" zoomScale="175" zoomScaleNormal="100" zoomScaleSheetLayoutView="175" workbookViewId="0">
      <pane xSplit="2" ySplit="4" topLeftCell="C7" activePane="bottomRight" state="frozen"/>
      <selection pane="topRight" activeCell="K1" sqref="K1"/>
      <selection pane="bottomLeft" activeCell="A5" sqref="A5"/>
      <selection pane="bottomRight" activeCell="E14" sqref="E14"/>
    </sheetView>
  </sheetViews>
  <sheetFormatPr defaultColWidth="9" defaultRowHeight="23.25" customHeight="1" x14ac:dyDescent="0.2"/>
  <cols>
    <col min="1" max="1" width="11.453125" style="1" customWidth="1"/>
    <col min="2" max="3" width="14.26953125" style="1" customWidth="1"/>
    <col min="4" max="9" width="12.6328125" style="1" customWidth="1"/>
    <col min="10" max="16384" width="9" style="1"/>
  </cols>
  <sheetData>
    <row r="1" spans="1:9" ht="23.25" customHeight="1" x14ac:dyDescent="0.2">
      <c r="A1" s="1" t="s">
        <v>14</v>
      </c>
    </row>
    <row r="2" spans="1:9" ht="23.25" customHeight="1" x14ac:dyDescent="0.2">
      <c r="I2" s="22" t="s">
        <v>13</v>
      </c>
    </row>
    <row r="3" spans="1:9" ht="23.25" customHeight="1" x14ac:dyDescent="0.2">
      <c r="A3" s="21" t="s">
        <v>12</v>
      </c>
      <c r="B3" s="20" t="s">
        <v>11</v>
      </c>
      <c r="C3" s="19"/>
      <c r="D3" s="18" t="s">
        <v>10</v>
      </c>
      <c r="E3" s="18"/>
      <c r="F3" s="18"/>
      <c r="G3" s="18"/>
      <c r="H3" s="18"/>
      <c r="I3" s="18"/>
    </row>
    <row r="4" spans="1:9" ht="23.25" customHeight="1" x14ac:dyDescent="0.2">
      <c r="A4" s="17"/>
      <c r="B4" s="16" t="s">
        <v>9</v>
      </c>
      <c r="C4" s="16" t="s">
        <v>8</v>
      </c>
      <c r="D4" s="15" t="s">
        <v>7</v>
      </c>
      <c r="E4" s="15" t="s">
        <v>6</v>
      </c>
      <c r="F4" s="15" t="s">
        <v>5</v>
      </c>
      <c r="G4" s="15" t="s">
        <v>4</v>
      </c>
      <c r="H4" s="15" t="s">
        <v>3</v>
      </c>
      <c r="I4" s="15" t="s">
        <v>2</v>
      </c>
    </row>
    <row r="5" spans="1:9" ht="23.25" customHeight="1" x14ac:dyDescent="0.2">
      <c r="A5" s="14">
        <v>3</v>
      </c>
      <c r="B5" s="13">
        <v>45754</v>
      </c>
      <c r="C5" s="13">
        <v>45758</v>
      </c>
      <c r="D5" s="12">
        <v>18</v>
      </c>
      <c r="E5" s="12">
        <v>2.9</v>
      </c>
      <c r="F5" s="12">
        <v>0.03</v>
      </c>
      <c r="G5" s="12">
        <v>280</v>
      </c>
      <c r="H5" s="12">
        <v>180</v>
      </c>
      <c r="I5" s="12">
        <v>58</v>
      </c>
    </row>
    <row r="6" spans="1:9" ht="23.25" customHeight="1" x14ac:dyDescent="0.2">
      <c r="A6" s="14">
        <v>4</v>
      </c>
      <c r="B6" s="13">
        <v>45810</v>
      </c>
      <c r="C6" s="13">
        <v>45816</v>
      </c>
      <c r="D6" s="12">
        <v>25</v>
      </c>
      <c r="E6" s="12">
        <v>2.9</v>
      </c>
      <c r="F6" s="12">
        <v>0.53</v>
      </c>
      <c r="G6" s="12">
        <v>240</v>
      </c>
      <c r="H6" s="12">
        <v>150</v>
      </c>
      <c r="I6" s="12">
        <v>74</v>
      </c>
    </row>
    <row r="7" spans="1:9" ht="23.25" customHeight="1" x14ac:dyDescent="0.2">
      <c r="A7" s="14">
        <v>3</v>
      </c>
      <c r="B7" s="13">
        <v>45832</v>
      </c>
      <c r="C7" s="13">
        <v>45838</v>
      </c>
      <c r="D7" s="12">
        <v>17</v>
      </c>
      <c r="E7" s="12">
        <v>2.8</v>
      </c>
      <c r="F7" s="12">
        <v>0.04</v>
      </c>
      <c r="G7" s="12">
        <v>250</v>
      </c>
      <c r="H7" s="12">
        <v>180</v>
      </c>
      <c r="I7" s="12">
        <v>80</v>
      </c>
    </row>
    <row r="8" spans="1:9" ht="23.25" customHeight="1" x14ac:dyDescent="0.2">
      <c r="A8" s="14">
        <v>3</v>
      </c>
      <c r="B8" s="13">
        <v>45888</v>
      </c>
      <c r="C8" s="13">
        <v>45892</v>
      </c>
      <c r="D8" s="12">
        <v>16</v>
      </c>
      <c r="E8" s="12">
        <v>4</v>
      </c>
      <c r="F8" s="12">
        <v>0.03</v>
      </c>
      <c r="G8" s="12">
        <v>200</v>
      </c>
      <c r="H8" s="12">
        <v>140</v>
      </c>
      <c r="I8" s="12">
        <v>76</v>
      </c>
    </row>
    <row r="9" spans="1:9" ht="23.25" customHeight="1" thickBot="1" x14ac:dyDescent="0.25">
      <c r="A9" s="11">
        <v>3</v>
      </c>
      <c r="B9" s="10">
        <v>46083</v>
      </c>
      <c r="C9" s="10">
        <v>46087</v>
      </c>
      <c r="D9" s="9">
        <v>12</v>
      </c>
      <c r="E9" s="9">
        <v>3.3</v>
      </c>
      <c r="F9" s="9">
        <v>0.01</v>
      </c>
      <c r="G9" s="9">
        <v>220</v>
      </c>
      <c r="H9" s="9">
        <v>440</v>
      </c>
      <c r="I9" s="9">
        <v>59</v>
      </c>
    </row>
    <row r="10" spans="1:9" ht="23.25" customHeight="1" thickTop="1" x14ac:dyDescent="0.2">
      <c r="A10" s="8" t="s">
        <v>1</v>
      </c>
      <c r="B10" s="7"/>
      <c r="C10" s="7"/>
      <c r="D10" s="6">
        <v>50</v>
      </c>
      <c r="E10" s="6">
        <v>5</v>
      </c>
      <c r="F10" s="6">
        <v>2</v>
      </c>
      <c r="G10" s="6">
        <v>300</v>
      </c>
      <c r="H10" s="6">
        <v>500</v>
      </c>
      <c r="I10" s="6">
        <v>100</v>
      </c>
    </row>
    <row r="11" spans="1:9" ht="23.25" customHeight="1" x14ac:dyDescent="0.2">
      <c r="A11" s="5" t="s">
        <v>0</v>
      </c>
      <c r="B11" s="2"/>
      <c r="C11" s="2"/>
      <c r="D11" s="4"/>
      <c r="E11" s="4"/>
      <c r="F11" s="4"/>
      <c r="G11" s="4"/>
      <c r="H11" s="4"/>
      <c r="I11" s="4"/>
    </row>
    <row r="12" spans="1:9" ht="23.25" customHeight="1" x14ac:dyDescent="0.2">
      <c r="A12" s="3"/>
      <c r="B12" s="2"/>
    </row>
    <row r="13" spans="1:9" ht="23.25" customHeight="1" x14ac:dyDescent="0.2">
      <c r="B13" s="2"/>
    </row>
    <row r="14" spans="1:9" ht="23.25" customHeight="1" x14ac:dyDescent="0.2">
      <c r="B14" s="2"/>
    </row>
    <row r="15" spans="1:9" ht="23.25" customHeight="1" x14ac:dyDescent="0.2">
      <c r="B15" s="2"/>
      <c r="C15" s="2"/>
    </row>
  </sheetData>
  <autoFilter ref="B4:I14" xr:uid="{F96FD9DE-1B86-4B57-BAF8-BDA5F9970458}">
    <filterColumn colId="0" showButton="0"/>
  </autoFilter>
  <mergeCells count="3">
    <mergeCell ref="A3:A4"/>
    <mergeCell ref="D3:I3"/>
    <mergeCell ref="B3:C3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荒川クマムシくん1号 (有害成分)</vt:lpstr>
      <vt:lpstr>'荒川クマムシくん1号 (有害成分)'!Print_Area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澤井 綾香（下水道事業課）</dc:creator>
  <cp:lastModifiedBy>澤井 綾香（下水道事業課）</cp:lastModifiedBy>
  <dcterms:created xsi:type="dcterms:W3CDTF">2026-06-25T08:18:57Z</dcterms:created>
  <dcterms:modified xsi:type="dcterms:W3CDTF">2026-06-25T08:19:44Z</dcterms:modified>
</cp:coreProperties>
</file>